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6"/>
  </p:notesMasterIdLst>
  <p:sldIdLst>
    <p:sldId id="6885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D170B31-9621-4F6A-8120-3770AFF3C894}" v="1" dt="2021-02-26T00:23:02.14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64" d="100"/>
          <a:sy n="64" d="100"/>
        </p:scale>
        <p:origin x="680" y="-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12" Type="http://schemas.microsoft.com/office/2015/10/relationships/revisionInfo" Target="revisionInfo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11" Type="http://schemas.microsoft.com/office/2016/11/relationships/changesInfo" Target="changesInfos/changesInfo1.xml"/><Relationship Id="rId5" Type="http://schemas.openxmlformats.org/officeDocument/2006/relationships/slide" Target="slides/slide1.xml"/><Relationship Id="rId10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ishit Ajwaliya" userId="d6171631-3d08-453d-8afd-2dc62a5026e2" providerId="ADAL" clId="{8D170B31-9621-4F6A-8120-3770AFF3C894}"/>
    <pc:docChg chg="modSld">
      <pc:chgData name="Nishit Ajwaliya" userId="d6171631-3d08-453d-8afd-2dc62a5026e2" providerId="ADAL" clId="{8D170B31-9621-4F6A-8120-3770AFF3C894}" dt="2021-02-26T00:23:02.142" v="6" actId="14100"/>
      <pc:docMkLst>
        <pc:docMk/>
      </pc:docMkLst>
      <pc:sldChg chg="modSp">
        <pc:chgData name="Nishit Ajwaliya" userId="d6171631-3d08-453d-8afd-2dc62a5026e2" providerId="ADAL" clId="{8D170B31-9621-4F6A-8120-3770AFF3C894}" dt="2021-02-26T00:23:02.142" v="6" actId="14100"/>
        <pc:sldMkLst>
          <pc:docMk/>
          <pc:sldMk cId="3079942811" sldId="6885"/>
        </pc:sldMkLst>
        <pc:spChg chg="mod">
          <ac:chgData name="Nishit Ajwaliya" userId="d6171631-3d08-453d-8afd-2dc62a5026e2" providerId="ADAL" clId="{8D170B31-9621-4F6A-8120-3770AFF3C894}" dt="2021-02-26T00:23:02.142" v="6" actId="14100"/>
          <ac:spMkLst>
            <pc:docMk/>
            <pc:sldMk cId="3079942811" sldId="6885"/>
            <ac:spMk id="2" creationId="{65606505-0DE3-4026-B55A-3FA303F48ACA}"/>
          </ac:spMkLst>
        </pc:spChg>
      </pc:sldChg>
    </pc:docChg>
  </pc:docChgLst>
  <pc:docChgLst>
    <pc:chgData name="Ajwaliya, Nishit" userId="d6171631-3d08-453d-8afd-2dc62a5026e2" providerId="ADAL" clId="{8D170B31-9621-4F6A-8120-3770AFF3C894}"/>
    <pc:docChg chg="custSel modSld">
      <pc:chgData name="Ajwaliya, Nishit" userId="d6171631-3d08-453d-8afd-2dc62a5026e2" providerId="ADAL" clId="{8D170B31-9621-4F6A-8120-3770AFF3C894}" dt="2021-03-01T21:51:09.736" v="23" actId="1035"/>
      <pc:docMkLst>
        <pc:docMk/>
      </pc:docMkLst>
      <pc:sldChg chg="delSp modSp">
        <pc:chgData name="Ajwaliya, Nishit" userId="d6171631-3d08-453d-8afd-2dc62a5026e2" providerId="ADAL" clId="{8D170B31-9621-4F6A-8120-3770AFF3C894}" dt="2021-03-01T21:51:09.736" v="23" actId="1035"/>
        <pc:sldMkLst>
          <pc:docMk/>
          <pc:sldMk cId="3079942811" sldId="6885"/>
        </pc:sldMkLst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26" creationId="{24293CC2-EA11-43DE-85FC-3184F8128656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33" creationId="{0C00487C-EEF0-4683-8846-FC948EF76C6E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44" creationId="{FBAF2D11-801D-4CB6-965F-3DB89154D738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49" creationId="{A12E507B-96D5-43FC-B960-0C5F5F800B2B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50" creationId="{2915144E-AEC7-4DCB-98A2-4464FB3D9197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52" creationId="{A7FF0424-0218-4B71-8FCA-E1CCD6025DA4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53" creationId="{BC661A30-1DD3-444B-9C8C-C1021EBBF344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54" creationId="{F3884E08-0A7E-4AC8-A451-E4A9CBAB8453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56" creationId="{45FC9D0D-BF43-4F6E-8600-0D49793570F0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60" creationId="{442C64E1-8534-4B91-AB1B-423EFB7A337B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61" creationId="{71E55EE9-B3FC-4FA7-8737-061B4DD80806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71" creationId="{2398B98C-023B-4F39-B424-CB8FDB871D95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72" creationId="{F3967ECD-C7E1-43D4-9A0E-22D04F4B6F9E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74" creationId="{B146814E-2669-4DE3-A2E1-4B1C5716A703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78" creationId="{CAC66209-F7F6-4C52-ACA6-73ED3C140E75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79" creationId="{DB7CE25C-05AB-4258-89B7-6757270960E9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80" creationId="{C2B0AE1E-59FA-4DED-A7C4-05F32EABC764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83" creationId="{46174FC6-413E-4C6C-BBBA-439B219DD174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89" creationId="{5732038B-ACCE-4CDA-A3FD-0EAB5EA8099E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90" creationId="{FFF2DC85-73E7-4593-BAEE-E8A8867D05C8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91" creationId="{A57BFC78-7EBA-4ECC-9CA1-B799C0EB3B3A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92" creationId="{5F18979B-4618-44F0-9CF3-2CB0731EF67E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93" creationId="{B0830749-5F78-4DEF-93CF-D3135B512002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94" creationId="{115E88A7-9CEF-43C2-9C8E-7ED5D73B1E40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95" creationId="{5AB72B2A-DF8F-453E-BBDB-09319A932182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98" creationId="{5AA7E979-BA3C-4B3C-AE4F-392AAB55CFC5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00" creationId="{4EB4EEC8-27F1-45B4-A248-B28863684008}"/>
          </ac:spMkLst>
        </pc:spChg>
        <pc:spChg chg="del">
          <ac:chgData name="Ajwaliya, Nishit" userId="d6171631-3d08-453d-8afd-2dc62a5026e2" providerId="ADAL" clId="{8D170B31-9621-4F6A-8120-3770AFF3C894}" dt="2021-03-01T21:51:01.426" v="0" actId="478"/>
          <ac:spMkLst>
            <pc:docMk/>
            <pc:sldMk cId="3079942811" sldId="6885"/>
            <ac:spMk id="107" creationId="{F4701285-95E5-4EDE-9BCA-70DBCBB67DCF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14" creationId="{79D9EA1C-FCAB-4619-9D38-DA30580F3DFC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15" creationId="{EF9B9B90-7C37-49DA-B8B5-0515CDC82E3D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16" creationId="{89078D9E-4051-4BDD-AD65-AAC07DCED2C2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17" creationId="{18956F70-050F-4DA3-BDBC-CCDCE1F7AD2F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23" creationId="{208B7F13-5106-448C-82E6-F96F59974ECA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24" creationId="{A9A4AF36-1F60-487A-AE5A-EDB32BF21703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25" creationId="{52A67E2D-C2F3-4733-9637-2223D3186D9D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29" creationId="{B7A413CE-36EC-41AD-A2C1-256E12BF6252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35" creationId="{8F843517-88D8-49AE-A354-3849343C8B63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57" creationId="{B3451BFA-0292-434B-8396-B6B0C4FCE419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58" creationId="{0A42A242-C9E3-48B3-9BF9-8162A1030B2B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59" creationId="{6E2FBDDF-1480-44CA-87F9-749D6E7FC35E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60" creationId="{C4C3C3DD-E45F-4221-B65C-8C76AE5CC444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61" creationId="{BF6EAA31-302B-4075-AF3E-8E4DC4D6E859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62" creationId="{4A0D0A1D-A832-4E72-8BE0-809013609FC9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63" creationId="{6EE5B453-2253-48E2-958D-4098EB4A9B31}"/>
          </ac:spMkLst>
        </pc:spChg>
        <pc:spChg chg="mod">
          <ac:chgData name="Ajwaliya, Nishit" userId="d6171631-3d08-453d-8afd-2dc62a5026e2" providerId="ADAL" clId="{8D170B31-9621-4F6A-8120-3770AFF3C894}" dt="2021-03-01T21:51:09.736" v="23" actId="1035"/>
          <ac:spMkLst>
            <pc:docMk/>
            <pc:sldMk cId="3079942811" sldId="6885"/>
            <ac:spMk id="165" creationId="{8166C9C8-E689-40DF-A633-1C25EB218451}"/>
          </ac:spMkLst>
        </pc:spChg>
        <pc:cxnChg chg="mod">
          <ac:chgData name="Ajwaliya, Nishit" userId="d6171631-3d08-453d-8afd-2dc62a5026e2" providerId="ADAL" clId="{8D170B31-9621-4F6A-8120-3770AFF3C894}" dt="2021-03-01T21:51:09.736" v="23" actId="1035"/>
          <ac:cxnSpMkLst>
            <pc:docMk/>
            <pc:sldMk cId="3079942811" sldId="6885"/>
            <ac:cxnSpMk id="156" creationId="{5327B462-9DB9-4E6D-9EDE-C6C6A13943A7}"/>
          </ac:cxnSpMkLst>
        </pc:cxn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EA7745-E55D-4FD6-91F1-623D0C69AF99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A55936C-A850-46FF-8617-DCA4B0BAF8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93245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518189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BC697D-D346-48E6-B78F-A645695CCB3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76B4A2E-286E-49CA-B160-2533E33FBFC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6FC0CB-A83D-44DB-B0FC-A61A9BC210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0216F56-A607-4589-A8D1-CA417F7DDE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68C7D06-311E-4601-B390-A1E4B39263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75780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4B035C-7A44-4272-B759-9CFF6F1F0F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0107F2F-59B1-46C8-8B62-D7FC3540ABF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6A74662-E98C-4A52-83F8-4E2E7BEBCF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AFBAC4-3E6F-4846-8AD5-BF194EF282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BAA24AA-C135-4F53-9D0C-E2AF566A97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35885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D641F12-43CE-4DC6-A2CF-1049229C7D5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749E7E7-944A-4C76-B794-152456E5F7F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D97157-841C-4454-8AAC-7C281BA679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9238B38-1EDB-4A5B-A1A6-E9C0E10781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5D2F7F0-4957-4FA7-8AFA-4D14B15469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32799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BCC450-B352-4120-B3CC-79F007E937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A3EF39-0C34-42EF-8DF9-357C5CA1A56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364B43-095F-48E1-A177-7E955711C8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1E50E21-0230-4CBB-B7F8-16F41E1CD2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F79DDDC-3217-47BE-B36A-0AB9CAC555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79188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3EEC85-0D59-4EAB-9B95-D77AA66FDB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E632AD-4882-407A-B6BF-55525ADE1E7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95CBA3-6180-4385-80F0-E792373115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2F2B763-1BE9-4DEC-9884-AB4B04B924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D4BB80-A1C0-4465-A04C-2778ED1321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84501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99438D-123E-4AE2-896E-253AFBE754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1A57C6-1608-45D9-BA25-A8EA7C20951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78C50B5-69CF-4A85-BE06-5269D873AEA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2612261-5E63-42E2-9828-92395D2032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96E803-98F7-4BE4-96A3-8BCBBCB83B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1FD314F-856E-4D55-8B10-40564F55DD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44231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455A26-103B-44CD-9D63-BFB3DAA645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96D762-47AB-4E55-AC2C-6FF190D3AC9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096828F-5943-47C9-9495-A97FDFA812D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CD2BA41-74A4-4C36-B3B7-67285329395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E57A4D1-7627-4C1A-91FE-7116DD20E13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3BB5D2E-982F-4BA7-BEBA-A2C311F249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787FFB0-309D-4696-921A-AE9CF907A3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2703BC5-F00C-4D9D-BB6E-2A28607A00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44370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5B24D3-83AC-4B4B-A90A-F58B10F03A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755578C-D4DB-4EF4-BB14-7CA3CA06F9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44A870D-793C-47C2-B42B-0DCAFF704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83B22C7-3327-4A03-9071-57CF6EC8BB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24880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5531778-FA10-41D3-B47B-783EA965F9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9EE9149-1FCB-46A8-9341-60FEFB5442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A8CF134-9EAA-4E03-A62C-8BD5F98069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549684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244638-5A05-4D7B-86BF-87D1D8AFA8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0FC3981-6987-43F4-9202-7C277A2E602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9A3510-B2FA-4943-B3AD-C6DE9653767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6B31F8B-EFB5-40CD-88E2-E6C2389161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E13D778-40E3-4B7C-8838-F09C69E385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2E5929D-67EC-44BD-9E2C-7A176C7279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222106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6DC6D6-9761-47B1-AA10-0DE72182F3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5BC9A21-03B0-4138-9B54-5AD46566A30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91FE8D1-85D8-4487-A0EA-0AF89D10314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6BF879D-54AF-4ECD-BF81-BFB43E16E9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28ACE40-A1AA-42E6-B299-6EA31D9A12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5F744A4-006F-4DA4-951E-A33D05367A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80218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4B28B65-546F-486D-A7F1-A4D9A732AB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9A2CD4A-3C76-4766-93FF-0897FE4BBA4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7C82239-9ADB-4CBA-BF71-5A80A054587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04F87A0-B5D8-4FA0-878D-2188A00EA530}" type="datetimeFigureOut">
              <a:rPr lang="en-US" smtClean="0"/>
              <a:t>3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510B87D-CFDD-4F4F-A845-AB1C2A3F4F5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7D9FB57-83E7-436C-8B11-3E201D8B4C3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732CAF-A97C-4601-BEAA-5E875D6191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48744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notesSlide" Target="../notesSlides/notesSlide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/>
          <p:nvPr/>
        </p:nvCxnSpPr>
        <p:spPr bwMode="auto">
          <a:xfrm flipH="1">
            <a:off x="9834023" y="1619078"/>
            <a:ext cx="10117" cy="389906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/>
          <p:nvPr/>
        </p:nvCxnSpPr>
        <p:spPr bwMode="auto">
          <a:xfrm flipH="1">
            <a:off x="8184264" y="1610086"/>
            <a:ext cx="10117" cy="389906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>
            <a:cxnSpLocks/>
          </p:cNvCxnSpPr>
          <p:nvPr/>
        </p:nvCxnSpPr>
        <p:spPr bwMode="auto">
          <a:xfrm>
            <a:off x="6445810" y="1611883"/>
            <a:ext cx="10558" cy="2465816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4" name="OTLSHAPE_SL_94da38b5ca484e3f9a172e88e7bff00b_BackgroundRectangle">
            <a:extLst>
              <a:ext uri="{FF2B5EF4-FFF2-40B4-BE49-F238E27FC236}">
                <a16:creationId xmlns:a16="http://schemas.microsoft.com/office/drawing/2014/main" id="{589FEC22-3503-46A6-852D-980452A1AE14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56350" y="1348551"/>
            <a:ext cx="11842703" cy="501631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8" name="OTLSHAPE_SL_f6ffadc9780a4f3ab22a7e53bade919d_BackgroundRectangle">
            <a:extLst>
              <a:ext uri="{FF2B5EF4-FFF2-40B4-BE49-F238E27FC236}">
                <a16:creationId xmlns:a16="http://schemas.microsoft.com/office/drawing/2014/main" id="{CAC66209-F7F6-4C52-ACA6-73ED3C140E7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54276" y="2895729"/>
            <a:ext cx="11860877" cy="894611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SL_f6ffadc9780a4f3ab22a7e53bade919d_BackgroundRectangle">
            <a:extLst>
              <a:ext uri="{FF2B5EF4-FFF2-40B4-BE49-F238E27FC236}">
                <a16:creationId xmlns:a16="http://schemas.microsoft.com/office/drawing/2014/main" id="{A9A4AF36-1F60-487A-AE5A-EDB32BF2170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56350" y="3829224"/>
            <a:ext cx="11847833" cy="856045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4137" y="142485"/>
            <a:ext cx="11688098" cy="50259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r>
              <a:rPr lang="en-GB" dirty="0"/>
              <a:t>US Customer MDM/CDP Proposed Roadmap (Draft)</a:t>
            </a: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A12C81B1-BE83-48E0-82F6-ED0EDEB9568A}"/>
              </a:ext>
            </a:extLst>
          </p:cNvPr>
          <p:cNvSpPr/>
          <p:nvPr/>
        </p:nvSpPr>
        <p:spPr>
          <a:xfrm>
            <a:off x="1403798" y="1065442"/>
            <a:ext cx="593847" cy="26623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01B95DB8-8395-45E2-8451-4D61E9C8C07C}"/>
              </a:ext>
            </a:extLst>
          </p:cNvPr>
          <p:cNvSpPr/>
          <p:nvPr/>
        </p:nvSpPr>
        <p:spPr>
          <a:xfrm>
            <a:off x="3289641" y="1065442"/>
            <a:ext cx="593847" cy="266236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June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CB334639-855E-4746-BFC5-89E45E4FD7C6}"/>
              </a:ext>
            </a:extLst>
          </p:cNvPr>
          <p:cNvSpPr/>
          <p:nvPr/>
        </p:nvSpPr>
        <p:spPr>
          <a:xfrm>
            <a:off x="2651679" y="1065442"/>
            <a:ext cx="593847" cy="266236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985C24F-0727-47A9-A4DC-E0DF87EF2AAF}"/>
              </a:ext>
            </a:extLst>
          </p:cNvPr>
          <p:cNvSpPr txBox="1"/>
          <p:nvPr/>
        </p:nvSpPr>
        <p:spPr bwMode="auto">
          <a:xfrm flipH="1">
            <a:off x="139567" y="771674"/>
            <a:ext cx="8060328" cy="22576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914332"/>
            <a:r>
              <a:rPr lang="en-US" sz="1467" b="1" dirty="0">
                <a:solidFill>
                  <a:srgbClr val="FFFFFF"/>
                </a:solidFill>
              </a:rPr>
              <a:t>2021</a:t>
            </a:r>
          </a:p>
        </p:txBody>
      </p:sp>
      <p:sp>
        <p:nvSpPr>
          <p:cNvPr id="130" name="Rectangle 129">
            <a:extLst>
              <a:ext uri="{FF2B5EF4-FFF2-40B4-BE49-F238E27FC236}">
                <a16:creationId xmlns:a16="http://schemas.microsoft.com/office/drawing/2014/main" id="{8D198724-3E6B-4504-AE71-7A5090A86AB4}"/>
              </a:ext>
            </a:extLst>
          </p:cNvPr>
          <p:cNvSpPr/>
          <p:nvPr/>
        </p:nvSpPr>
        <p:spPr>
          <a:xfrm>
            <a:off x="2029383" y="1065442"/>
            <a:ext cx="593847" cy="266236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April</a:t>
            </a:r>
          </a:p>
        </p:txBody>
      </p:sp>
      <p:sp>
        <p:nvSpPr>
          <p:cNvPr id="81" name="Rectangle 80">
            <a:extLst>
              <a:ext uri="{FF2B5EF4-FFF2-40B4-BE49-F238E27FC236}">
                <a16:creationId xmlns:a16="http://schemas.microsoft.com/office/drawing/2014/main" id="{8F7C78EF-3C75-4163-A598-3EFE46A4496D}"/>
              </a:ext>
            </a:extLst>
          </p:cNvPr>
          <p:cNvSpPr/>
          <p:nvPr/>
        </p:nvSpPr>
        <p:spPr>
          <a:xfrm>
            <a:off x="6076213" y="1075325"/>
            <a:ext cx="675919" cy="251203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60BBD388-7AED-42EE-A76C-C401F0E3C966}"/>
              </a:ext>
            </a:extLst>
          </p:cNvPr>
          <p:cNvSpPr/>
          <p:nvPr/>
        </p:nvSpPr>
        <p:spPr>
          <a:xfrm>
            <a:off x="4636835" y="1075325"/>
            <a:ext cx="675919" cy="25120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85" name="Rectangle 84">
            <a:extLst>
              <a:ext uri="{FF2B5EF4-FFF2-40B4-BE49-F238E27FC236}">
                <a16:creationId xmlns:a16="http://schemas.microsoft.com/office/drawing/2014/main" id="{94C2F0E4-C549-4C65-85EC-0F72D28AEB7B}"/>
              </a:ext>
            </a:extLst>
          </p:cNvPr>
          <p:cNvSpPr/>
          <p:nvPr/>
        </p:nvSpPr>
        <p:spPr>
          <a:xfrm>
            <a:off x="5351211" y="1075325"/>
            <a:ext cx="675919" cy="25120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Sept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7BEAD126-BC38-4A82-9ADF-631A1EB5B79A}"/>
              </a:ext>
            </a:extLst>
          </p:cNvPr>
          <p:cNvSpPr/>
          <p:nvPr/>
        </p:nvSpPr>
        <p:spPr>
          <a:xfrm>
            <a:off x="3930098" y="1073619"/>
            <a:ext cx="675919" cy="25120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54276" y="1969788"/>
            <a:ext cx="11860877" cy="885741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" name="OTLSHAPE_SLT_e8a0d0690d7843edaca796e8b25719da_Shape">
            <a:extLst>
              <a:ext uri="{FF2B5EF4-FFF2-40B4-BE49-F238E27FC236}">
                <a16:creationId xmlns:a16="http://schemas.microsoft.com/office/drawing/2014/main" id="{0C00487C-EEF0-4683-8846-FC948EF76C6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172568" y="3101895"/>
            <a:ext cx="9875549" cy="190004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200" dirty="0"/>
              <a:t>Source System Integration</a:t>
            </a: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D171760A-447B-483E-87A3-5A7511C18F93}"/>
              </a:ext>
            </a:extLst>
          </p:cNvPr>
          <p:cNvSpPr/>
          <p:nvPr/>
        </p:nvSpPr>
        <p:spPr>
          <a:xfrm>
            <a:off x="7523977" y="1073619"/>
            <a:ext cx="675919" cy="251203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1C61089B-9BC4-4D8D-B373-9B95214FAE1A}"/>
              </a:ext>
            </a:extLst>
          </p:cNvPr>
          <p:cNvSpPr/>
          <p:nvPr/>
        </p:nvSpPr>
        <p:spPr>
          <a:xfrm>
            <a:off x="6796715" y="1073619"/>
            <a:ext cx="675919" cy="25120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13AF4990-BEC8-4F76-90A9-21EF7C67AE3B}"/>
              </a:ext>
            </a:extLst>
          </p:cNvPr>
          <p:cNvSpPr/>
          <p:nvPr/>
        </p:nvSpPr>
        <p:spPr>
          <a:xfrm>
            <a:off x="8246882" y="1068536"/>
            <a:ext cx="593847" cy="25120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68" name="Rectangle 67">
            <a:extLst>
              <a:ext uri="{FF2B5EF4-FFF2-40B4-BE49-F238E27FC236}">
                <a16:creationId xmlns:a16="http://schemas.microsoft.com/office/drawing/2014/main" id="{8C2027DD-6D6E-47AB-BF53-9BC91D7E207A}"/>
              </a:ext>
            </a:extLst>
          </p:cNvPr>
          <p:cNvSpPr/>
          <p:nvPr/>
        </p:nvSpPr>
        <p:spPr>
          <a:xfrm>
            <a:off x="778235" y="1057747"/>
            <a:ext cx="593847" cy="266236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72" name="OTLSHAPE_SLT_e8a0d0690d7843edaca796e8b25719da_Shape">
            <a:extLst>
              <a:ext uri="{FF2B5EF4-FFF2-40B4-BE49-F238E27FC236}">
                <a16:creationId xmlns:a16="http://schemas.microsoft.com/office/drawing/2014/main" id="{F3967ECD-C7E1-43D4-9A0E-22D04F4B6F9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57795" y="2183826"/>
            <a:ext cx="11859724" cy="185075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200" dirty="0"/>
              <a:t>MDM/DQ/DG</a:t>
            </a:r>
          </a:p>
        </p:txBody>
      </p:sp>
      <p:sp>
        <p:nvSpPr>
          <p:cNvPr id="74" name="OTLSHAPE_SLM_0aec949068fc4edb9016a17022f2fa0f_Title">
            <a:extLst>
              <a:ext uri="{FF2B5EF4-FFF2-40B4-BE49-F238E27FC236}">
                <a16:creationId xmlns:a16="http://schemas.microsoft.com/office/drawing/2014/main" id="{B146814E-2669-4DE3-A2E1-4B1C5716A70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625558" y="2363908"/>
            <a:ext cx="1708055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 Persistent Unique ID,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   Key Customer fields, Account</a:t>
            </a:r>
          </a:p>
        </p:txBody>
      </p:sp>
      <p:sp>
        <p:nvSpPr>
          <p:cNvPr id="76" name="OTLSHAPE_SLM_0aec949068fc4edb9016a17022f2fa0f_Title">
            <a:extLst>
              <a:ext uri="{FF2B5EF4-FFF2-40B4-BE49-F238E27FC236}">
                <a16:creationId xmlns:a16="http://schemas.microsoft.com/office/drawing/2014/main" id="{9A520CC5-FA03-4165-9311-61DCAD63AA0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021161" y="1358098"/>
            <a:ext cx="87087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VP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lease 1</a:t>
            </a:r>
          </a:p>
        </p:txBody>
      </p:sp>
      <p:sp>
        <p:nvSpPr>
          <p:cNvPr id="83" name="OTLSHAPE_SLT_e8a0d0690d7843edaca796e8b25719da_Shape">
            <a:extLst>
              <a:ext uri="{FF2B5EF4-FFF2-40B4-BE49-F238E27FC236}">
                <a16:creationId xmlns:a16="http://schemas.microsoft.com/office/drawing/2014/main" id="{46174FC6-413E-4C6C-BBBA-439B219DD17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5263731" y="4008098"/>
            <a:ext cx="6735319" cy="190913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200" dirty="0"/>
              <a:t>CDP (Snowflake)</a:t>
            </a:r>
          </a:p>
        </p:txBody>
      </p:sp>
      <p:sp>
        <p:nvSpPr>
          <p:cNvPr id="91" name="OTLSHAPE_SLM_0aec949068fc4edb9016a17022f2fa0f_Shape">
            <a:extLst>
              <a:ext uri="{FF2B5EF4-FFF2-40B4-BE49-F238E27FC236}">
                <a16:creationId xmlns:a16="http://schemas.microsoft.com/office/drawing/2014/main" id="{A57BFC78-7EBA-4ECC-9CA1-B799C0EB3B3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764036" y="2183609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M_0aec949068fc4edb9016a17022f2fa0f_Title">
            <a:extLst>
              <a:ext uri="{FF2B5EF4-FFF2-40B4-BE49-F238E27FC236}">
                <a16:creationId xmlns:a16="http://schemas.microsoft.com/office/drawing/2014/main" id="{8F843517-88D8-49AE-A354-3849343C8B6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244915" y="2381327"/>
            <a:ext cx="186606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Customer Contact, 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Preference, Premise, Meter</a:t>
            </a:r>
          </a:p>
        </p:txBody>
      </p:sp>
      <p:sp>
        <p:nvSpPr>
          <p:cNvPr id="139" name="TextBox 138">
            <a:extLst>
              <a:ext uri="{FF2B5EF4-FFF2-40B4-BE49-F238E27FC236}">
                <a16:creationId xmlns:a16="http://schemas.microsoft.com/office/drawing/2014/main" id="{B63DC23E-751D-488B-90E7-2F7AB4022685}"/>
              </a:ext>
            </a:extLst>
          </p:cNvPr>
          <p:cNvSpPr txBox="1"/>
          <p:nvPr/>
        </p:nvSpPr>
        <p:spPr bwMode="auto">
          <a:xfrm flipH="1">
            <a:off x="8246879" y="772298"/>
            <a:ext cx="3752172" cy="22576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914332"/>
            <a:r>
              <a:rPr lang="en-US" sz="1467" b="1" dirty="0">
                <a:solidFill>
                  <a:srgbClr val="FFFFFF"/>
                </a:solidFill>
              </a:rPr>
              <a:t>2022</a:t>
            </a:r>
          </a:p>
        </p:txBody>
      </p:sp>
      <p:sp>
        <p:nvSpPr>
          <p:cNvPr id="140" name="Rectangle 139">
            <a:extLst>
              <a:ext uri="{FF2B5EF4-FFF2-40B4-BE49-F238E27FC236}">
                <a16:creationId xmlns:a16="http://schemas.microsoft.com/office/drawing/2014/main" id="{3FCD83B7-1EFF-4CD9-A187-C738E53A836A}"/>
              </a:ext>
            </a:extLst>
          </p:cNvPr>
          <p:cNvSpPr/>
          <p:nvPr/>
        </p:nvSpPr>
        <p:spPr>
          <a:xfrm>
            <a:off x="8874005" y="1064217"/>
            <a:ext cx="593847" cy="255644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24BC9807-652F-4E51-9BD1-4BC56411F2C3}"/>
              </a:ext>
            </a:extLst>
          </p:cNvPr>
          <p:cNvSpPr/>
          <p:nvPr/>
        </p:nvSpPr>
        <p:spPr>
          <a:xfrm>
            <a:off x="9513114" y="1059578"/>
            <a:ext cx="593847" cy="275024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42" name="Rectangle 141">
            <a:extLst>
              <a:ext uri="{FF2B5EF4-FFF2-40B4-BE49-F238E27FC236}">
                <a16:creationId xmlns:a16="http://schemas.microsoft.com/office/drawing/2014/main" id="{9D0244C2-2821-409C-B8E1-65B491BC114F}"/>
              </a:ext>
            </a:extLst>
          </p:cNvPr>
          <p:cNvSpPr/>
          <p:nvPr/>
        </p:nvSpPr>
        <p:spPr>
          <a:xfrm>
            <a:off x="147966" y="1059577"/>
            <a:ext cx="593847" cy="26623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44" name="OTLSHAPE_SL_f6ffadc9780a4f3ab22a7e53bade919d_BackgroundRectangle">
            <a:extLst>
              <a:ext uri="{FF2B5EF4-FFF2-40B4-BE49-F238E27FC236}">
                <a16:creationId xmlns:a16="http://schemas.microsoft.com/office/drawing/2014/main" id="{FBAF2D11-801D-4CB6-965F-3DB89154D738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47700" y="4729775"/>
            <a:ext cx="11860877" cy="885741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M_0aec949068fc4edb9016a17022f2fa0f_Title">
            <a:extLst>
              <a:ext uri="{FF2B5EF4-FFF2-40B4-BE49-F238E27FC236}">
                <a16:creationId xmlns:a16="http://schemas.microsoft.com/office/drawing/2014/main" id="{A12E507B-96D5-43FC-B960-0C5F5F800B2B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663322" y="2378055"/>
            <a:ext cx="87087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Start</a:t>
            </a:r>
          </a:p>
        </p:txBody>
      </p:sp>
      <p:sp>
        <p:nvSpPr>
          <p:cNvPr id="50" name="OTLSHAPE_SLM_0aec949068fc4edb9016a17022f2fa0f_Title">
            <a:extLst>
              <a:ext uri="{FF2B5EF4-FFF2-40B4-BE49-F238E27FC236}">
                <a16:creationId xmlns:a16="http://schemas.microsoft.com/office/drawing/2014/main" id="{2915144E-AEC7-4DCB-98A2-4464FB3D919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8917706" y="2379850"/>
            <a:ext cx="186606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maining Customer 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aster Data</a:t>
            </a:r>
          </a:p>
        </p:txBody>
      </p:sp>
      <p:sp>
        <p:nvSpPr>
          <p:cNvPr id="52" name="OTLSHAPE_SLM_0aec949068fc4edb9016a17022f2fa0f_Title">
            <a:extLst>
              <a:ext uri="{FF2B5EF4-FFF2-40B4-BE49-F238E27FC236}">
                <a16:creationId xmlns:a16="http://schemas.microsoft.com/office/drawing/2014/main" id="{A7FF0424-0218-4B71-8FCA-E1CCD6025DA4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312703" y="3298726"/>
            <a:ext cx="1838779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Sync Contact, Preference, Product  to CRIS/CSS/CRM and Premise, Meter to CRIS/CSS</a:t>
            </a:r>
          </a:p>
        </p:txBody>
      </p:sp>
      <p:sp>
        <p:nvSpPr>
          <p:cNvPr id="53" name="OTLSHAPE_SLM_0aec949068fc4edb9016a17022f2fa0f_Shape">
            <a:extLst>
              <a:ext uri="{FF2B5EF4-FFF2-40B4-BE49-F238E27FC236}">
                <a16:creationId xmlns:a16="http://schemas.microsoft.com/office/drawing/2014/main" id="{BC661A30-1DD3-444B-9C8C-C1021EBBF34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127762" y="3105188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M_0aec949068fc4edb9016a17022f2fa0f_Title">
            <a:extLst>
              <a:ext uri="{FF2B5EF4-FFF2-40B4-BE49-F238E27FC236}">
                <a16:creationId xmlns:a16="http://schemas.microsoft.com/office/drawing/2014/main" id="{F3884E08-0A7E-4AC8-A451-E4A9CBAB845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115608" y="3310672"/>
            <a:ext cx="144867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maining Master Data Sync to CRIS/CSS</a:t>
            </a:r>
          </a:p>
        </p:txBody>
      </p:sp>
      <p:sp>
        <p:nvSpPr>
          <p:cNvPr id="56" name="OTLSHAPE_SLM_0aec949068fc4edb9016a17022f2fa0f_Shape">
            <a:extLst>
              <a:ext uri="{FF2B5EF4-FFF2-40B4-BE49-F238E27FC236}">
                <a16:creationId xmlns:a16="http://schemas.microsoft.com/office/drawing/2014/main" id="{45FC9D0D-BF43-4F6E-8600-0D49793570F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766651" y="310210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M_0aec949068fc4edb9016a17022f2fa0f_Shape">
            <a:extLst>
              <a:ext uri="{FF2B5EF4-FFF2-40B4-BE49-F238E27FC236}">
                <a16:creationId xmlns:a16="http://schemas.microsoft.com/office/drawing/2014/main" id="{442C64E1-8534-4B91-AB1B-423EFB7A337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86437" y="3109421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SLM_0aec949068fc4edb9016a17022f2fa0f_Title">
            <a:extLst>
              <a:ext uri="{FF2B5EF4-FFF2-40B4-BE49-F238E27FC236}">
                <a16:creationId xmlns:a16="http://schemas.microsoft.com/office/drawing/2014/main" id="{FFF2DC85-73E7-4593-BAEE-E8A8867D05C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208499" y="4205653"/>
            <a:ext cx="1929365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DM Persistent ID, Key Customer fields, Account, Customer Contact, Product Preference, Premise, Meter data sync</a:t>
            </a:r>
          </a:p>
        </p:txBody>
      </p:sp>
      <p:sp>
        <p:nvSpPr>
          <p:cNvPr id="92" name="OTLSHAPE_SLM_0aec949068fc4edb9016a17022f2fa0f_Shape">
            <a:extLst>
              <a:ext uri="{FF2B5EF4-FFF2-40B4-BE49-F238E27FC236}">
                <a16:creationId xmlns:a16="http://schemas.microsoft.com/office/drawing/2014/main" id="{5F18979B-4618-44F0-9CF3-2CB0731EF67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118882" y="4015332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M_0aec949068fc4edb9016a17022f2fa0f_Shape">
            <a:extLst>
              <a:ext uri="{FF2B5EF4-FFF2-40B4-BE49-F238E27FC236}">
                <a16:creationId xmlns:a16="http://schemas.microsoft.com/office/drawing/2014/main" id="{5AB72B2A-DF8F-453E-BBDB-09319A93218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778499" y="4012250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M_0aec949068fc4edb9016a17022f2fa0f_Title">
            <a:extLst>
              <a:ext uri="{FF2B5EF4-FFF2-40B4-BE49-F238E27FC236}">
                <a16:creationId xmlns:a16="http://schemas.microsoft.com/office/drawing/2014/main" id="{4EB4EEC8-27F1-45B4-A248-B2886368400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145041" y="4182491"/>
            <a:ext cx="1458969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maining Master Data sync, Work Order Billing Data load to EDP from CSS, CRIS, CRM</a:t>
            </a:r>
          </a:p>
        </p:txBody>
      </p:sp>
      <p:sp>
        <p:nvSpPr>
          <p:cNvPr id="71" name="OTLSHAPE_SLT_e8a0d0690d7843edaca796e8b25719da_Shape">
            <a:extLst>
              <a:ext uri="{FF2B5EF4-FFF2-40B4-BE49-F238E27FC236}">
                <a16:creationId xmlns:a16="http://schemas.microsoft.com/office/drawing/2014/main" id="{2398B98C-023B-4F39-B424-CB8FDB871D9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263731" y="4903759"/>
            <a:ext cx="6785395" cy="191396"/>
          </a:xfrm>
          <a:prstGeom prst="homePlate">
            <a:avLst/>
          </a:prstGeom>
          <a:solidFill>
            <a:srgbClr val="5555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200" dirty="0"/>
              <a:t>Other System Integration</a:t>
            </a:r>
          </a:p>
        </p:txBody>
      </p:sp>
      <p:sp>
        <p:nvSpPr>
          <p:cNvPr id="79" name="OTLSHAPE_SLM_0aec949068fc4edb9016a17022f2fa0f_Title">
            <a:extLst>
              <a:ext uri="{FF2B5EF4-FFF2-40B4-BE49-F238E27FC236}">
                <a16:creationId xmlns:a16="http://schemas.microsoft.com/office/drawing/2014/main" id="{DB7CE25C-05AB-4258-89B7-6757270960E9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7694876" y="5115456"/>
            <a:ext cx="98388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Create Customer Data API,</a:t>
            </a:r>
          </a:p>
        </p:txBody>
      </p:sp>
      <p:sp>
        <p:nvSpPr>
          <p:cNvPr id="80" name="OTLSHAPE_SLM_0aec949068fc4edb9016a17022f2fa0f_Shape">
            <a:extLst>
              <a:ext uri="{FF2B5EF4-FFF2-40B4-BE49-F238E27FC236}">
                <a16:creationId xmlns:a16="http://schemas.microsoft.com/office/drawing/2014/main" id="{C2B0AE1E-59FA-4DED-A7C4-05F32EABC76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106685" y="4910993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SLM_0aec949068fc4edb9016a17022f2fa0f_Shape">
            <a:extLst>
              <a:ext uri="{FF2B5EF4-FFF2-40B4-BE49-F238E27FC236}">
                <a16:creationId xmlns:a16="http://schemas.microsoft.com/office/drawing/2014/main" id="{B0830749-5F78-4DEF-93CF-D3135B51200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766302" y="4907912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M_0aec949068fc4edb9016a17022f2fa0f_Title">
            <a:extLst>
              <a:ext uri="{FF2B5EF4-FFF2-40B4-BE49-F238E27FC236}">
                <a16:creationId xmlns:a16="http://schemas.microsoft.com/office/drawing/2014/main" id="{5AA7E979-BA3C-4B3C-AE4F-392AAB55CFC5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8990141" y="5107986"/>
            <a:ext cx="1709164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Update Customer Data API,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Sync Persistent ID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to CXP MyAccount</a:t>
            </a:r>
          </a:p>
        </p:txBody>
      </p:sp>
      <p:sp>
        <p:nvSpPr>
          <p:cNvPr id="114" name="OTLSHAPE_SLM_0aec949068fc4edb9016a17022f2fa0f_Shape">
            <a:extLst>
              <a:ext uri="{FF2B5EF4-FFF2-40B4-BE49-F238E27FC236}">
                <a16:creationId xmlns:a16="http://schemas.microsoft.com/office/drawing/2014/main" id="{79D9EA1C-FCAB-4619-9D38-DA30580F3D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101231" y="311755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M_0aec949068fc4edb9016a17022f2fa0f_Title">
            <a:extLst>
              <a:ext uri="{FF2B5EF4-FFF2-40B4-BE49-F238E27FC236}">
                <a16:creationId xmlns:a16="http://schemas.microsoft.com/office/drawing/2014/main" id="{EF9B9B90-7C37-49DA-B8B5-0515CDC82E3D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792453" y="3310670"/>
            <a:ext cx="70151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Approve 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Funding</a:t>
            </a:r>
          </a:p>
        </p:txBody>
      </p:sp>
      <p:sp>
        <p:nvSpPr>
          <p:cNvPr id="116" name="OTLSHAPE_SLM_0aec949068fc4edb9016a17022f2fa0f_Shape">
            <a:extLst>
              <a:ext uri="{FF2B5EF4-FFF2-40B4-BE49-F238E27FC236}">
                <a16:creationId xmlns:a16="http://schemas.microsoft.com/office/drawing/2014/main" id="{89078D9E-4051-4BDD-AD65-AAC07DCED2C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458288" y="220052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M_0aec949068fc4edb9016a17022f2fa0f_Title">
            <a:extLst>
              <a:ext uri="{FF2B5EF4-FFF2-40B4-BE49-F238E27FC236}">
                <a16:creationId xmlns:a16="http://schemas.microsoft.com/office/drawing/2014/main" id="{18956F70-050F-4DA3-BDBC-CCDCE1F7AD2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198619" y="2382850"/>
            <a:ext cx="70151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Approve 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Funding</a:t>
            </a:r>
          </a:p>
        </p:txBody>
      </p:sp>
      <p:sp>
        <p:nvSpPr>
          <p:cNvPr id="118" name="Rectangle 117">
            <a:extLst>
              <a:ext uri="{FF2B5EF4-FFF2-40B4-BE49-F238E27FC236}">
                <a16:creationId xmlns:a16="http://schemas.microsoft.com/office/drawing/2014/main" id="{DDE9BE42-6A33-497E-BDCF-080379C51701}"/>
              </a:ext>
            </a:extLst>
          </p:cNvPr>
          <p:cNvSpPr/>
          <p:nvPr/>
        </p:nvSpPr>
        <p:spPr>
          <a:xfrm>
            <a:off x="11413155" y="1062471"/>
            <a:ext cx="593847" cy="266236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June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667A639C-B9C3-4DD1-ABE8-08EA94BC3D84}"/>
              </a:ext>
            </a:extLst>
          </p:cNvPr>
          <p:cNvSpPr/>
          <p:nvPr/>
        </p:nvSpPr>
        <p:spPr>
          <a:xfrm>
            <a:off x="10775194" y="1062471"/>
            <a:ext cx="593847" cy="266236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378FE9D9-C8AA-4E60-9C0C-66590B1E21BF}"/>
              </a:ext>
            </a:extLst>
          </p:cNvPr>
          <p:cNvSpPr/>
          <p:nvPr/>
        </p:nvSpPr>
        <p:spPr>
          <a:xfrm>
            <a:off x="10152898" y="1062471"/>
            <a:ext cx="593847" cy="266236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April</a:t>
            </a:r>
          </a:p>
        </p:txBody>
      </p:sp>
      <p:sp>
        <p:nvSpPr>
          <p:cNvPr id="123" name="OTLSHAPE_SLM_0aec949068fc4edb9016a17022f2fa0f_Shape">
            <a:extLst>
              <a:ext uri="{FF2B5EF4-FFF2-40B4-BE49-F238E27FC236}">
                <a16:creationId xmlns:a16="http://schemas.microsoft.com/office/drawing/2014/main" id="{208B7F13-5106-448C-82E6-F96F59974EC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017928" y="2189368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M_0aec949068fc4edb9016a17022f2fa0f_Shape">
            <a:extLst>
              <a:ext uri="{FF2B5EF4-FFF2-40B4-BE49-F238E27FC236}">
                <a16:creationId xmlns:a16="http://schemas.microsoft.com/office/drawing/2014/main" id="{52A67E2D-C2F3-4733-9637-2223D3186D9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130559" y="2180961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M_0aec949068fc4edb9016a17022f2fa0f_Shape">
            <a:extLst>
              <a:ext uri="{FF2B5EF4-FFF2-40B4-BE49-F238E27FC236}">
                <a16:creationId xmlns:a16="http://schemas.microsoft.com/office/drawing/2014/main" id="{B7A413CE-36EC-41AD-A2C1-256E12BF625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380399" y="2189573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M_0aec949068fc4edb9016a17022f2fa0f_Title">
            <a:extLst>
              <a:ext uri="{FF2B5EF4-FFF2-40B4-BE49-F238E27FC236}">
                <a16:creationId xmlns:a16="http://schemas.microsoft.com/office/drawing/2014/main" id="{B4573916-DB99-4B23-AC58-52569CC342AA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769732" y="1356301"/>
            <a:ext cx="87087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VP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lease 2</a:t>
            </a:r>
          </a:p>
        </p:txBody>
      </p:sp>
      <p:sp>
        <p:nvSpPr>
          <p:cNvPr id="126" name="OTLSHAPE_SLM_0aec949068fc4edb9016a17022f2fa0f_Title">
            <a:extLst>
              <a:ext uri="{FF2B5EF4-FFF2-40B4-BE49-F238E27FC236}">
                <a16:creationId xmlns:a16="http://schemas.microsoft.com/office/drawing/2014/main" id="{F24ED024-8BEE-474D-A1C7-731AE9E7D11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419492" y="1365293"/>
            <a:ext cx="87087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VP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lease 3</a:t>
            </a:r>
          </a:p>
        </p:txBody>
      </p:sp>
      <p:sp>
        <p:nvSpPr>
          <p:cNvPr id="61" name="OTLSHAPE_SLM_0aec949068fc4edb9016a17022f2fa0f_Title">
            <a:extLst>
              <a:ext uri="{FF2B5EF4-FFF2-40B4-BE49-F238E27FC236}">
                <a16:creationId xmlns:a16="http://schemas.microsoft.com/office/drawing/2014/main" id="{71E55EE9-B3FC-4FA7-8737-061B4DD8080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633452" y="3290265"/>
            <a:ext cx="1671806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Sync Persistent Unique ID, Key Customer fields, Account to CRIS/CSS</a:t>
            </a:r>
          </a:p>
        </p:txBody>
      </p:sp>
      <p:sp>
        <p:nvSpPr>
          <p:cNvPr id="89" name="OTLSHAPE_SLM_0aec949068fc4edb9016a17022f2fa0f_Title">
            <a:extLst>
              <a:ext uri="{FF2B5EF4-FFF2-40B4-BE49-F238E27FC236}">
                <a16:creationId xmlns:a16="http://schemas.microsoft.com/office/drawing/2014/main" id="{5732038B-ACCE-4CDA-A3FD-0EAB5EA8099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562744" y="2376110"/>
            <a:ext cx="2071664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Customer Data, Master CDC, Data Catalog,  DQ Program, Business Rules/Requirement</a:t>
            </a:r>
          </a:p>
        </p:txBody>
      </p:sp>
      <p:sp>
        <p:nvSpPr>
          <p:cNvPr id="94" name="OTLSHAPE_SLM_0aec949068fc4edb9016a17022f2fa0f_Shape">
            <a:extLst>
              <a:ext uri="{FF2B5EF4-FFF2-40B4-BE49-F238E27FC236}">
                <a16:creationId xmlns:a16="http://schemas.microsoft.com/office/drawing/2014/main" id="{115E88A7-9CEF-43C2-9C8E-7ED5D73B1E4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542484" y="2187558"/>
            <a:ext cx="138604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SLT_e8a0d0690d7843edaca796e8b25719da_Shape">
            <a:extLst>
              <a:ext uri="{FF2B5EF4-FFF2-40B4-BE49-F238E27FC236}">
                <a16:creationId xmlns:a16="http://schemas.microsoft.com/office/drawing/2014/main" id="{CF89E369-EB03-49C6-9A18-3BB68813A76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672362" y="1379972"/>
            <a:ext cx="1999535" cy="182424"/>
          </a:xfrm>
          <a:prstGeom prst="homePlat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200" dirty="0"/>
              <a:t>MDM Tool</a:t>
            </a:r>
          </a:p>
        </p:txBody>
      </p:sp>
      <p:sp>
        <p:nvSpPr>
          <p:cNvPr id="110" name="OTLSHAPE_SLM_0aec949068fc4edb9016a17022f2fa0f_Title">
            <a:extLst>
              <a:ext uri="{FF2B5EF4-FFF2-40B4-BE49-F238E27FC236}">
                <a16:creationId xmlns:a16="http://schemas.microsoft.com/office/drawing/2014/main" id="{3ED3E7B4-0F93-46FE-A655-30429F9DAD5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147749" y="1561290"/>
            <a:ext cx="87087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DM  tool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ady to use</a:t>
            </a:r>
          </a:p>
        </p:txBody>
      </p:sp>
      <p:sp>
        <p:nvSpPr>
          <p:cNvPr id="111" name="OTLSHAPE_SLM_0aec949068fc4edb9016a17022f2fa0f_Shape">
            <a:extLst>
              <a:ext uri="{FF2B5EF4-FFF2-40B4-BE49-F238E27FC236}">
                <a16:creationId xmlns:a16="http://schemas.microsoft.com/office/drawing/2014/main" id="{9AC7AD22-DC72-49AE-AD8B-A1B8E353A06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515577" y="1376832"/>
            <a:ext cx="136207" cy="171973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B050"/>
              </a:solidFill>
            </a:endParaRPr>
          </a:p>
        </p:txBody>
      </p:sp>
      <p:sp>
        <p:nvSpPr>
          <p:cNvPr id="99" name="TextBox 98">
            <a:extLst>
              <a:ext uri="{FF2B5EF4-FFF2-40B4-BE49-F238E27FC236}">
                <a16:creationId xmlns:a16="http://schemas.microsoft.com/office/drawing/2014/main" id="{0797F56A-809D-4301-8362-E13AB01320D4}"/>
              </a:ext>
            </a:extLst>
          </p:cNvPr>
          <p:cNvSpPr txBox="1"/>
          <p:nvPr/>
        </p:nvSpPr>
        <p:spPr bwMode="auto">
          <a:xfrm>
            <a:off x="3268328" y="6928642"/>
            <a:ext cx="6565695" cy="97494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spcAft>
                <a:spcPts val="267"/>
              </a:spcAft>
              <a:buClr>
                <a:schemeClr val="tx1"/>
              </a:buClr>
            </a:pPr>
            <a:r>
              <a:rPr lang="en-US" sz="1067" kern="0" dirty="0"/>
              <a:t>Note: </a:t>
            </a:r>
          </a:p>
          <a:p>
            <a:pPr marL="228594" indent="-228594">
              <a:spcAft>
                <a:spcPts val="267"/>
              </a:spcAft>
              <a:buFont typeface="Arial" panose="020B0604020202020204" pitchFamily="34" charset="0"/>
              <a:buChar char="•"/>
            </a:pPr>
            <a:r>
              <a:rPr lang="en-US" sz="1067" dirty="0"/>
              <a:t>All Timelines are subject to budget approval</a:t>
            </a:r>
          </a:p>
          <a:p>
            <a:pPr marL="228594" indent="-228594">
              <a:spcAft>
                <a:spcPts val="267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1067" kern="0" dirty="0"/>
              <a:t>Scope of each release will be finalized as per pre-work findings</a:t>
            </a:r>
          </a:p>
          <a:p>
            <a:pPr marL="228594" indent="-228594">
              <a:spcAft>
                <a:spcPts val="267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1067" dirty="0"/>
              <a:t>Future Release timeline will be changed based on the current release date change</a:t>
            </a:r>
          </a:p>
          <a:p>
            <a:pPr marL="228594" indent="-228594">
              <a:spcAft>
                <a:spcPts val="267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1067" dirty="0"/>
              <a:t>Each release pre-work will start ahead of the time</a:t>
            </a:r>
            <a:endParaRPr lang="en-US" sz="1067" kern="0" dirty="0"/>
          </a:p>
        </p:txBody>
      </p:sp>
      <p:cxnSp>
        <p:nvCxnSpPr>
          <p:cNvPr id="156" name="Straight Connector 155">
            <a:extLst>
              <a:ext uri="{FF2B5EF4-FFF2-40B4-BE49-F238E27FC236}">
                <a16:creationId xmlns:a16="http://schemas.microsoft.com/office/drawing/2014/main" id="{5327B462-9DB9-4E6D-9EDE-C6C6A13943A7}"/>
              </a:ext>
            </a:extLst>
          </p:cNvPr>
          <p:cNvCxnSpPr>
            <a:cxnSpLocks/>
            <a:endCxn id="162" idx="2"/>
          </p:cNvCxnSpPr>
          <p:nvPr/>
        </p:nvCxnSpPr>
        <p:spPr bwMode="auto">
          <a:xfrm>
            <a:off x="11347646" y="1384986"/>
            <a:ext cx="63273" cy="4227113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57" name="OTLSHAPE_SLM_0aec949068fc4edb9016a17022f2fa0f_Title">
            <a:extLst>
              <a:ext uri="{FF2B5EF4-FFF2-40B4-BE49-F238E27FC236}">
                <a16:creationId xmlns:a16="http://schemas.microsoft.com/office/drawing/2014/main" id="{B3451BFA-0292-434B-8396-B6B0C4FCE41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718238" y="3295068"/>
            <a:ext cx="1334268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Customer Integration Data Sync to  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CRIS/CSS</a:t>
            </a:r>
          </a:p>
        </p:txBody>
      </p:sp>
      <p:sp>
        <p:nvSpPr>
          <p:cNvPr id="158" name="OTLSHAPE_SLM_0aec949068fc4edb9016a17022f2fa0f_Shape">
            <a:extLst>
              <a:ext uri="{FF2B5EF4-FFF2-40B4-BE49-F238E27FC236}">
                <a16:creationId xmlns:a16="http://schemas.microsoft.com/office/drawing/2014/main" id="{0A42A242-C9E3-48B3-9BF9-8162A1030B2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1304075" y="3112968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M_0aec949068fc4edb9016a17022f2fa0f_Shape">
            <a:extLst>
              <a:ext uri="{FF2B5EF4-FFF2-40B4-BE49-F238E27FC236}">
                <a16:creationId xmlns:a16="http://schemas.microsoft.com/office/drawing/2014/main" id="{6E2FBDDF-1480-44CA-87F9-749D6E7FC35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1327563" y="4012322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M_0aec949068fc4edb9016a17022f2fa0f_Title">
            <a:extLst>
              <a:ext uri="{FF2B5EF4-FFF2-40B4-BE49-F238E27FC236}">
                <a16:creationId xmlns:a16="http://schemas.microsoft.com/office/drawing/2014/main" id="{C4C3C3DD-E45F-4221-B65C-8C76AE5CC44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0635718" y="4206128"/>
            <a:ext cx="1492513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aster Data sync, Credit,  Payment, Data load to EDP from CSS,CRIS</a:t>
            </a:r>
          </a:p>
        </p:txBody>
      </p:sp>
      <p:sp>
        <p:nvSpPr>
          <p:cNvPr id="161" name="OTLSHAPE_SLM_0aec949068fc4edb9016a17022f2fa0f_Shape">
            <a:extLst>
              <a:ext uri="{FF2B5EF4-FFF2-40B4-BE49-F238E27FC236}">
                <a16:creationId xmlns:a16="http://schemas.microsoft.com/office/drawing/2014/main" id="{BF6EAA31-302B-4075-AF3E-8E4DC4D6E85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1326155" y="4918773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SLM_0aec949068fc4edb9016a17022f2fa0f_Title">
            <a:extLst>
              <a:ext uri="{FF2B5EF4-FFF2-40B4-BE49-F238E27FC236}">
                <a16:creationId xmlns:a16="http://schemas.microsoft.com/office/drawing/2014/main" id="{4A0D0A1D-A832-4E72-8BE0-809013609FC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669487" y="5104268"/>
            <a:ext cx="1482863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Update Customer Data API, Integrate with 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other systems </a:t>
            </a:r>
          </a:p>
        </p:txBody>
      </p:sp>
      <p:sp>
        <p:nvSpPr>
          <p:cNvPr id="163" name="OTLSHAPE_SLM_0aec949068fc4edb9016a17022f2fa0f_Shape">
            <a:extLst>
              <a:ext uri="{FF2B5EF4-FFF2-40B4-BE49-F238E27FC236}">
                <a16:creationId xmlns:a16="http://schemas.microsoft.com/office/drawing/2014/main" id="{6EE5B453-2253-48E2-958D-4098EB4A9B3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1295113" y="2181811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M_0aec949068fc4edb9016a17022f2fa0f_Title">
            <a:extLst>
              <a:ext uri="{FF2B5EF4-FFF2-40B4-BE49-F238E27FC236}">
                <a16:creationId xmlns:a16="http://schemas.microsoft.com/office/drawing/2014/main" id="{796E9B9A-40A6-401A-88CA-AF2B6A57647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961358" y="1374285"/>
            <a:ext cx="87087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VP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lease 4</a:t>
            </a:r>
          </a:p>
        </p:txBody>
      </p:sp>
      <p:sp>
        <p:nvSpPr>
          <p:cNvPr id="165" name="OTLSHAPE_SLM_0aec949068fc4edb9016a17022f2fa0f_Title">
            <a:extLst>
              <a:ext uri="{FF2B5EF4-FFF2-40B4-BE49-F238E27FC236}">
                <a16:creationId xmlns:a16="http://schemas.microsoft.com/office/drawing/2014/main" id="{8166C9C8-E689-40DF-A633-1C25EB21845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413210" y="2386888"/>
            <a:ext cx="186606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Customer Interaction</a:t>
            </a:r>
          </a:p>
        </p:txBody>
      </p:sp>
    </p:spTree>
    <p:extLst>
      <p:ext uri="{BB962C8B-B14F-4D97-AF65-F5344CB8AC3E}">
        <p14:creationId xmlns:p14="http://schemas.microsoft.com/office/powerpoint/2010/main" val="30799428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AD0F478B68CCB418629D5A3D5ECB678" ma:contentTypeVersion="12" ma:contentTypeDescription="Create a new document." ma:contentTypeScope="" ma:versionID="138bd2563609da7d5a9db950db7f5b8f">
  <xsd:schema xmlns:xsd="http://www.w3.org/2001/XMLSchema" xmlns:xs="http://www.w3.org/2001/XMLSchema" xmlns:p="http://schemas.microsoft.com/office/2006/metadata/properties" xmlns:ns3="2fb88c42-9484-45db-b1a7-c717f8961fa6" xmlns:ns4="d04553ff-5444-4dd5-ba90-cf9ec227a264" targetNamespace="http://schemas.microsoft.com/office/2006/metadata/properties" ma:root="true" ma:fieldsID="2e3ed490b5bcd9cf790df84676ec4f50" ns3:_="" ns4:_="">
    <xsd:import namespace="2fb88c42-9484-45db-b1a7-c717f8961fa6"/>
    <xsd:import namespace="d04553ff-5444-4dd5-ba90-cf9ec227a264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fb88c42-9484-45db-b1a7-c717f8961fa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04553ff-5444-4dd5-ba90-cf9ec227a264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7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8C05C937-64D6-4B8F-A471-A6770D88885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fb88c42-9484-45db-b1a7-c717f8961fa6"/>
    <ds:schemaRef ds:uri="d04553ff-5444-4dd5-ba90-cf9ec227a2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DF821726-90A5-4210-9273-210CEF58266A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BFA1CAC8-FD10-4329-BFB5-30FCDB49C8A4}">
  <ds:schemaRefs>
    <ds:schemaRef ds:uri="http://purl.org/dc/terms/"/>
    <ds:schemaRef ds:uri="http://schemas.microsoft.com/office/2006/documentManagement/types"/>
    <ds:schemaRef ds:uri="http://purl.org/dc/elements/1.1/"/>
    <ds:schemaRef ds:uri="2fb88c42-9484-45db-b1a7-c717f8961fa6"/>
    <ds:schemaRef ds:uri="http://schemas.microsoft.com/office/infopath/2007/PartnerControls"/>
    <ds:schemaRef ds:uri="http://schemas.openxmlformats.org/package/2006/metadata/core-properties"/>
    <ds:schemaRef ds:uri="d04553ff-5444-4dd5-ba90-cf9ec227a264"/>
    <ds:schemaRef ds:uri="http://schemas.microsoft.com/office/2006/metadata/properties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6</TotalTime>
  <Words>283</Words>
  <Application>Microsoft Office PowerPoint</Application>
  <PresentationFormat>Widescreen</PresentationFormat>
  <Paragraphs>69</Paragraphs>
  <Slides>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US Customer MDM/CDP Proposed Roadmap (Draft)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US Customer Business Capabilities Proposed Roadmap (Draft) Data Foundations</dc:title>
  <dc:creator>Nishit Ajwaliya</dc:creator>
  <cp:lastModifiedBy>Ajwaliya, Nishit</cp:lastModifiedBy>
  <cp:revision>5</cp:revision>
  <dcterms:created xsi:type="dcterms:W3CDTF">2021-02-25T23:45:03Z</dcterms:created>
  <dcterms:modified xsi:type="dcterms:W3CDTF">2021-03-01T21:51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AD0F478B68CCB418629D5A3D5ECB678</vt:lpwstr>
  </property>
</Properties>
</file>